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32697" w:rsidRPr="004A7D74" w:rsidRDefault="00A27EBC" w:rsidP="004A7D74">
      <w:pPr>
        <w:jc w:val="center"/>
        <w:rPr>
          <w:b/>
          <w:sz w:val="32"/>
          <w:szCs w:val="32"/>
        </w:rPr>
      </w:pPr>
      <w:r w:rsidRPr="004A7D74">
        <w:rPr>
          <w:b/>
          <w:sz w:val="32"/>
          <w:szCs w:val="32"/>
        </w:rPr>
        <w:t>选拔赛</w:t>
      </w:r>
      <w:r w:rsidRPr="004A7D74">
        <w:rPr>
          <w:b/>
          <w:sz w:val="32"/>
          <w:szCs w:val="32"/>
        </w:rPr>
        <w:t>API</w:t>
      </w:r>
      <w:r w:rsidRPr="004A7D74">
        <w:rPr>
          <w:b/>
          <w:sz w:val="32"/>
          <w:szCs w:val="32"/>
        </w:rPr>
        <w:t>使用说明</w:t>
      </w:r>
    </w:p>
    <w:p w:rsidR="00A27EBC" w:rsidRDefault="004A7D74" w:rsidP="00A27EBC">
      <w:pPr>
        <w:pStyle w:val="a5"/>
        <w:numPr>
          <w:ilvl w:val="0"/>
          <w:numId w:val="1"/>
        </w:numPr>
        <w:ind w:firstLineChars="0"/>
      </w:pPr>
      <w:r>
        <w:t>接口测试采用什么工具</w:t>
      </w:r>
      <w:r>
        <w:rPr>
          <w:rFonts w:hint="eastAsia"/>
        </w:rPr>
        <w:t>？</w:t>
      </w:r>
    </w:p>
    <w:p w:rsidR="004A7D74" w:rsidRDefault="004A7D74" w:rsidP="004A7D74">
      <w:pPr>
        <w:pStyle w:val="a5"/>
        <w:ind w:left="360"/>
      </w:pPr>
      <w:r>
        <w:t>推荐使用</w:t>
      </w:r>
      <w:r w:rsidRPr="004A7D74">
        <w:t>Insomnia</w:t>
      </w:r>
      <w:r>
        <w:rPr>
          <w:rFonts w:hint="eastAsia"/>
        </w:rPr>
        <w:t>，下载链接如下：</w:t>
      </w:r>
      <w:hyperlink r:id="rId7" w:history="1">
        <w:r w:rsidRPr="005142A0">
          <w:rPr>
            <w:rStyle w:val="a6"/>
          </w:rPr>
          <w:t>https://www.oschina.net/p/insomnia?hmsr=aladdin1e1</w:t>
        </w:r>
      </w:hyperlink>
      <w:r>
        <w:rPr>
          <w:rFonts w:hint="eastAsia"/>
        </w:rPr>
        <w:t>。</w:t>
      </w:r>
      <w:r>
        <w:t>不推荐使用</w:t>
      </w:r>
      <w:r>
        <w:t>PostMan</w:t>
      </w:r>
      <w:r>
        <w:rPr>
          <w:rFonts w:hint="eastAsia"/>
        </w:rPr>
        <w:t>，</w:t>
      </w:r>
      <w:r>
        <w:t>PostMan</w:t>
      </w:r>
      <w:r>
        <w:t>经常出现测试不到数据的情况</w:t>
      </w:r>
      <w:r>
        <w:rPr>
          <w:rFonts w:hint="eastAsia"/>
        </w:rPr>
        <w:t>。</w:t>
      </w:r>
    </w:p>
    <w:p w:rsidR="004A7D74" w:rsidRDefault="004A7D74" w:rsidP="004A7D74">
      <w:pPr>
        <w:pStyle w:val="a5"/>
        <w:numPr>
          <w:ilvl w:val="0"/>
          <w:numId w:val="1"/>
        </w:numPr>
        <w:ind w:firstLineChars="0"/>
      </w:pPr>
      <w:r>
        <w:rPr>
          <w:rFonts w:hint="eastAsia"/>
        </w:rPr>
        <w:t>在调用</w:t>
      </w:r>
      <w:r>
        <w:rPr>
          <w:rFonts w:hint="eastAsia"/>
        </w:rPr>
        <w:t>A</w:t>
      </w:r>
      <w:r>
        <w:t>PI</w:t>
      </w:r>
      <w:r>
        <w:t>之前一定要获取</w:t>
      </w:r>
      <w:r>
        <w:rPr>
          <w:rFonts w:hint="eastAsia"/>
        </w:rPr>
        <w:t>token</w:t>
      </w:r>
      <w:r>
        <w:rPr>
          <w:rFonts w:hint="eastAsia"/>
        </w:rPr>
        <w:t>。</w:t>
      </w:r>
      <w:r>
        <w:t>获取</w:t>
      </w:r>
      <w:r>
        <w:t>token</w:t>
      </w:r>
      <w:r>
        <w:t>一定采用</w:t>
      </w:r>
      <w:r>
        <w:rPr>
          <w:rFonts w:hint="eastAsia"/>
        </w:rPr>
        <w:t>资格赛阶段注册的华为账号和密码。使用华为云账号和密码会出现无响应的情况。之后每一次请求</w:t>
      </w:r>
      <w:r>
        <w:t>API</w:t>
      </w:r>
      <w:r>
        <w:t>都需要携带该</w:t>
      </w:r>
      <w:r>
        <w:t>token</w:t>
      </w:r>
      <w:r>
        <w:rPr>
          <w:rFonts w:hint="eastAsia"/>
        </w:rPr>
        <w:t>。</w:t>
      </w:r>
    </w:p>
    <w:p w:rsidR="004A7D74" w:rsidRDefault="004A7D74" w:rsidP="004A7D74">
      <w:pPr>
        <w:pStyle w:val="a5"/>
        <w:numPr>
          <w:ilvl w:val="0"/>
          <w:numId w:val="1"/>
        </w:numPr>
        <w:ind w:firstLineChars="0"/>
      </w:pPr>
      <w:r>
        <w:rPr>
          <w:rFonts w:hint="eastAsia"/>
        </w:rPr>
        <w:t>使用</w:t>
      </w:r>
      <w:r>
        <w:rPr>
          <w:rFonts w:hint="eastAsia"/>
        </w:rPr>
        <w:t>API</w:t>
      </w:r>
      <w:r>
        <w:rPr>
          <w:rFonts w:hint="eastAsia"/>
        </w:rPr>
        <w:t>可以具体做些什么呢？</w:t>
      </w:r>
    </w:p>
    <w:p w:rsidR="004A7D74" w:rsidRDefault="004A7D74" w:rsidP="004A7D74">
      <w:pPr>
        <w:pStyle w:val="a5"/>
        <w:numPr>
          <w:ilvl w:val="0"/>
          <w:numId w:val="2"/>
        </w:numPr>
        <w:ind w:firstLineChars="0"/>
      </w:pPr>
      <w:r>
        <w:rPr>
          <w:rFonts w:hint="eastAsia"/>
        </w:rPr>
        <w:t>人群热力图</w:t>
      </w:r>
    </w:p>
    <w:p w:rsidR="0044073A" w:rsidRDefault="0044073A" w:rsidP="0044073A">
      <w:pPr>
        <w:ind w:firstLine="360"/>
      </w:pPr>
      <w:r w:rsidRPr="0044073A">
        <w:rPr>
          <w:noProof/>
        </w:rPr>
        <w:drawing>
          <wp:inline distT="0" distB="0" distL="0" distR="0">
            <wp:extent cx="5274310" cy="2186783"/>
            <wp:effectExtent l="0" t="0" r="2540" b="4445"/>
            <wp:docPr id="1" name="图片 1" descr="C:\Users\s00569950\Desktop\2021061518364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0569950\Desktop\20210615183642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18678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4073A" w:rsidRDefault="0044073A" w:rsidP="0044073A">
      <w:pPr>
        <w:pStyle w:val="a5"/>
        <w:numPr>
          <w:ilvl w:val="0"/>
          <w:numId w:val="2"/>
        </w:numPr>
        <w:ind w:firstLineChars="0"/>
      </w:pPr>
      <w:r>
        <w:rPr>
          <w:rFonts w:hint="eastAsia"/>
        </w:rPr>
        <w:t>设备监控</w:t>
      </w:r>
    </w:p>
    <w:p w:rsidR="0044073A" w:rsidRDefault="0044073A" w:rsidP="0044073A">
      <w:pPr>
        <w:pStyle w:val="a5"/>
        <w:ind w:left="780" w:firstLineChars="0" w:firstLine="0"/>
      </w:pPr>
      <w:r w:rsidRPr="0044073A">
        <w:rPr>
          <w:noProof/>
        </w:rPr>
        <w:drawing>
          <wp:inline distT="0" distB="0" distL="0" distR="0">
            <wp:extent cx="5274310" cy="1090500"/>
            <wp:effectExtent l="0" t="0" r="2540" b="0"/>
            <wp:docPr id="2" name="图片 2" descr="C:\Users\s00569950\Desktop\2021061518413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00569950\Desktop\20210615184131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1090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4073A" w:rsidRDefault="0044073A" w:rsidP="0044073A">
      <w:pPr>
        <w:pStyle w:val="a5"/>
        <w:ind w:left="780" w:firstLineChars="0" w:firstLine="0"/>
      </w:pPr>
      <w:r w:rsidRPr="0044073A">
        <w:rPr>
          <w:noProof/>
        </w:rPr>
        <w:drawing>
          <wp:inline distT="0" distB="0" distL="0" distR="0">
            <wp:extent cx="5273976" cy="2650013"/>
            <wp:effectExtent l="0" t="0" r="3175" b="0"/>
            <wp:docPr id="3" name="图片 3" descr="C:\Users\s00569950\Desktop\2021061518420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0569950\Desktop\20210615184201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7356" cy="265171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4073A" w:rsidRDefault="0044073A" w:rsidP="0044073A">
      <w:pPr>
        <w:pStyle w:val="a5"/>
        <w:numPr>
          <w:ilvl w:val="0"/>
          <w:numId w:val="2"/>
        </w:numPr>
        <w:ind w:firstLineChars="0"/>
      </w:pPr>
      <w:r>
        <w:lastRenderedPageBreak/>
        <w:t>接入分析</w:t>
      </w:r>
    </w:p>
    <w:p w:rsidR="0044073A" w:rsidRDefault="0044073A" w:rsidP="0044073A">
      <w:pPr>
        <w:pStyle w:val="a5"/>
        <w:ind w:left="780" w:firstLineChars="0" w:firstLine="0"/>
      </w:pPr>
      <w:r w:rsidRPr="0044073A">
        <w:rPr>
          <w:noProof/>
        </w:rPr>
        <w:drawing>
          <wp:inline distT="0" distB="0" distL="0" distR="0">
            <wp:extent cx="5274310" cy="2602037"/>
            <wp:effectExtent l="0" t="0" r="2540" b="8255"/>
            <wp:docPr id="4" name="图片 4" descr="C:\Users\s00569950\Desktop\2021061518431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00569950\Desktop\20210615184313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60203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D5E2E" w:rsidRDefault="001D5E2E" w:rsidP="001D5E2E">
      <w:pPr>
        <w:pStyle w:val="a5"/>
        <w:numPr>
          <w:ilvl w:val="0"/>
          <w:numId w:val="2"/>
        </w:numPr>
        <w:ind w:firstLineChars="0"/>
      </w:pPr>
      <w:r>
        <w:rPr>
          <w:rFonts w:hint="eastAsia"/>
        </w:rPr>
        <w:t>用户分析</w:t>
      </w:r>
    </w:p>
    <w:p w:rsidR="001D5E2E" w:rsidRDefault="001D5E2E" w:rsidP="001D5E2E">
      <w:pPr>
        <w:pStyle w:val="a5"/>
        <w:ind w:left="780" w:firstLineChars="0" w:firstLine="0"/>
        <w:rPr>
          <w:rFonts w:hint="eastAsia"/>
        </w:rPr>
      </w:pPr>
      <w:r w:rsidRPr="001D5E2E">
        <w:rPr>
          <w:noProof/>
        </w:rPr>
        <w:drawing>
          <wp:inline distT="0" distB="0" distL="0" distR="0">
            <wp:extent cx="5274310" cy="2129115"/>
            <wp:effectExtent l="0" t="0" r="2540" b="5080"/>
            <wp:docPr id="5" name="图片 5" descr="C:\Users\s00569950\Desktop\2021061519223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00569950\Desktop\20210615192237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1291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1D5E2E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26A6B" w:rsidRDefault="00626A6B" w:rsidP="00A27EBC">
      <w:r>
        <w:separator/>
      </w:r>
    </w:p>
  </w:endnote>
  <w:endnote w:type="continuationSeparator" w:id="0">
    <w:p w:rsidR="00626A6B" w:rsidRDefault="00626A6B" w:rsidP="00A27EB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26A6B" w:rsidRDefault="00626A6B" w:rsidP="00A27EBC">
      <w:r>
        <w:separator/>
      </w:r>
    </w:p>
  </w:footnote>
  <w:footnote w:type="continuationSeparator" w:id="0">
    <w:p w:rsidR="00626A6B" w:rsidRDefault="00626A6B" w:rsidP="00A27EBC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E725C5C"/>
    <w:multiLevelType w:val="hybridMultilevel"/>
    <w:tmpl w:val="1116CCBC"/>
    <w:lvl w:ilvl="0" w:tplc="04090011">
      <w:start w:val="1"/>
      <w:numFmt w:val="decimal"/>
      <w:lvlText w:val="%1)"/>
      <w:lvlJc w:val="left"/>
      <w:pPr>
        <w:ind w:left="780" w:hanging="420"/>
      </w:pPr>
    </w:lvl>
    <w:lvl w:ilvl="1" w:tplc="04090019" w:tentative="1">
      <w:start w:val="1"/>
      <w:numFmt w:val="lowerLetter"/>
      <w:lvlText w:val="%2)"/>
      <w:lvlJc w:val="left"/>
      <w:pPr>
        <w:ind w:left="1200" w:hanging="420"/>
      </w:pPr>
    </w:lvl>
    <w:lvl w:ilvl="2" w:tplc="0409001B" w:tentative="1">
      <w:start w:val="1"/>
      <w:numFmt w:val="lowerRoman"/>
      <w:lvlText w:val="%3."/>
      <w:lvlJc w:val="right"/>
      <w:pPr>
        <w:ind w:left="1620" w:hanging="420"/>
      </w:pPr>
    </w:lvl>
    <w:lvl w:ilvl="3" w:tplc="0409000F" w:tentative="1">
      <w:start w:val="1"/>
      <w:numFmt w:val="decimal"/>
      <w:lvlText w:val="%4."/>
      <w:lvlJc w:val="left"/>
      <w:pPr>
        <w:ind w:left="2040" w:hanging="420"/>
      </w:pPr>
    </w:lvl>
    <w:lvl w:ilvl="4" w:tplc="04090019" w:tentative="1">
      <w:start w:val="1"/>
      <w:numFmt w:val="lowerLetter"/>
      <w:lvlText w:val="%5)"/>
      <w:lvlJc w:val="left"/>
      <w:pPr>
        <w:ind w:left="2460" w:hanging="420"/>
      </w:pPr>
    </w:lvl>
    <w:lvl w:ilvl="5" w:tplc="0409001B" w:tentative="1">
      <w:start w:val="1"/>
      <w:numFmt w:val="lowerRoman"/>
      <w:lvlText w:val="%6."/>
      <w:lvlJc w:val="right"/>
      <w:pPr>
        <w:ind w:left="2880" w:hanging="420"/>
      </w:pPr>
    </w:lvl>
    <w:lvl w:ilvl="6" w:tplc="0409000F" w:tentative="1">
      <w:start w:val="1"/>
      <w:numFmt w:val="decimal"/>
      <w:lvlText w:val="%7."/>
      <w:lvlJc w:val="left"/>
      <w:pPr>
        <w:ind w:left="3300" w:hanging="420"/>
      </w:pPr>
    </w:lvl>
    <w:lvl w:ilvl="7" w:tplc="04090019" w:tentative="1">
      <w:start w:val="1"/>
      <w:numFmt w:val="lowerLetter"/>
      <w:lvlText w:val="%8)"/>
      <w:lvlJc w:val="left"/>
      <w:pPr>
        <w:ind w:left="3720" w:hanging="420"/>
      </w:pPr>
    </w:lvl>
    <w:lvl w:ilvl="8" w:tplc="0409001B" w:tentative="1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56053C94"/>
    <w:multiLevelType w:val="hybridMultilevel"/>
    <w:tmpl w:val="F0A0E9B4"/>
    <w:lvl w:ilvl="0" w:tplc="0E263FB2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31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E7758"/>
    <w:rsid w:val="00060C92"/>
    <w:rsid w:val="0009010D"/>
    <w:rsid w:val="00095907"/>
    <w:rsid w:val="000C0B0C"/>
    <w:rsid w:val="000D57DC"/>
    <w:rsid w:val="000E6308"/>
    <w:rsid w:val="001024C7"/>
    <w:rsid w:val="0012395C"/>
    <w:rsid w:val="0015742A"/>
    <w:rsid w:val="00180257"/>
    <w:rsid w:val="001A565D"/>
    <w:rsid w:val="001C1AE5"/>
    <w:rsid w:val="001D392E"/>
    <w:rsid w:val="001D5E2E"/>
    <w:rsid w:val="001E7758"/>
    <w:rsid w:val="001F70CC"/>
    <w:rsid w:val="0021266F"/>
    <w:rsid w:val="002B50C6"/>
    <w:rsid w:val="002B74FC"/>
    <w:rsid w:val="002D5BEE"/>
    <w:rsid w:val="00322AD9"/>
    <w:rsid w:val="0033442A"/>
    <w:rsid w:val="003449D8"/>
    <w:rsid w:val="00354787"/>
    <w:rsid w:val="00366CA3"/>
    <w:rsid w:val="003671F0"/>
    <w:rsid w:val="00372EB0"/>
    <w:rsid w:val="003747E8"/>
    <w:rsid w:val="00391EE4"/>
    <w:rsid w:val="003923BE"/>
    <w:rsid w:val="003B23D1"/>
    <w:rsid w:val="00404E8F"/>
    <w:rsid w:val="00414560"/>
    <w:rsid w:val="00421282"/>
    <w:rsid w:val="00421A1B"/>
    <w:rsid w:val="00437FFC"/>
    <w:rsid w:val="0044073A"/>
    <w:rsid w:val="00451A48"/>
    <w:rsid w:val="00453151"/>
    <w:rsid w:val="00474C81"/>
    <w:rsid w:val="004A7D74"/>
    <w:rsid w:val="004C2EA0"/>
    <w:rsid w:val="004E7555"/>
    <w:rsid w:val="004F3D70"/>
    <w:rsid w:val="00532697"/>
    <w:rsid w:val="005404E1"/>
    <w:rsid w:val="00552FA8"/>
    <w:rsid w:val="0059661A"/>
    <w:rsid w:val="005A65AD"/>
    <w:rsid w:val="005A6C4F"/>
    <w:rsid w:val="006001C1"/>
    <w:rsid w:val="0060675D"/>
    <w:rsid w:val="00626A6B"/>
    <w:rsid w:val="006B1BA9"/>
    <w:rsid w:val="006B3542"/>
    <w:rsid w:val="006E33E9"/>
    <w:rsid w:val="006E6328"/>
    <w:rsid w:val="007065C4"/>
    <w:rsid w:val="00721A69"/>
    <w:rsid w:val="00723E62"/>
    <w:rsid w:val="0075367C"/>
    <w:rsid w:val="00760E7A"/>
    <w:rsid w:val="007819FF"/>
    <w:rsid w:val="007B6A1D"/>
    <w:rsid w:val="007C4BB0"/>
    <w:rsid w:val="007D6836"/>
    <w:rsid w:val="007E593A"/>
    <w:rsid w:val="00807940"/>
    <w:rsid w:val="00870CEA"/>
    <w:rsid w:val="008757A8"/>
    <w:rsid w:val="008B2F05"/>
    <w:rsid w:val="008B3061"/>
    <w:rsid w:val="00965CC4"/>
    <w:rsid w:val="00981133"/>
    <w:rsid w:val="00996C29"/>
    <w:rsid w:val="009A5D8B"/>
    <w:rsid w:val="009D0184"/>
    <w:rsid w:val="009D26CB"/>
    <w:rsid w:val="00A0038D"/>
    <w:rsid w:val="00A27EBC"/>
    <w:rsid w:val="00A353B7"/>
    <w:rsid w:val="00A656F3"/>
    <w:rsid w:val="00A67CA8"/>
    <w:rsid w:val="00AA2655"/>
    <w:rsid w:val="00AB0D2D"/>
    <w:rsid w:val="00AC559C"/>
    <w:rsid w:val="00AD58C3"/>
    <w:rsid w:val="00B17E6F"/>
    <w:rsid w:val="00B51D59"/>
    <w:rsid w:val="00B67E26"/>
    <w:rsid w:val="00B708FE"/>
    <w:rsid w:val="00B718CE"/>
    <w:rsid w:val="00BE5DC3"/>
    <w:rsid w:val="00C1637F"/>
    <w:rsid w:val="00C4102A"/>
    <w:rsid w:val="00C92EAC"/>
    <w:rsid w:val="00C97CBD"/>
    <w:rsid w:val="00CD2D38"/>
    <w:rsid w:val="00CF0EFD"/>
    <w:rsid w:val="00CF453D"/>
    <w:rsid w:val="00D139A7"/>
    <w:rsid w:val="00D366D2"/>
    <w:rsid w:val="00D50F96"/>
    <w:rsid w:val="00D60A29"/>
    <w:rsid w:val="00D63E17"/>
    <w:rsid w:val="00D95814"/>
    <w:rsid w:val="00DA1552"/>
    <w:rsid w:val="00DC6EFD"/>
    <w:rsid w:val="00E30461"/>
    <w:rsid w:val="00E56CF0"/>
    <w:rsid w:val="00E835AE"/>
    <w:rsid w:val="00EC67FE"/>
    <w:rsid w:val="00EF753F"/>
    <w:rsid w:val="00F067F1"/>
    <w:rsid w:val="00F321F6"/>
    <w:rsid w:val="00F3244D"/>
    <w:rsid w:val="00F52F2D"/>
    <w:rsid w:val="00F548A4"/>
    <w:rsid w:val="00F65957"/>
    <w:rsid w:val="00F87A86"/>
    <w:rsid w:val="00FD35E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5:chartTrackingRefBased/>
  <w15:docId w15:val="{D4866239-7CF3-472A-9524-CD5CAAFD133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Char"/>
    <w:uiPriority w:val="99"/>
    <w:unhideWhenUsed/>
    <w:rsid w:val="00A27EBC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Char">
    <w:name w:val="页眉 Char"/>
    <w:basedOn w:val="a0"/>
    <w:link w:val="a3"/>
    <w:uiPriority w:val="99"/>
    <w:rsid w:val="00A27EBC"/>
    <w:rPr>
      <w:sz w:val="18"/>
      <w:szCs w:val="18"/>
    </w:rPr>
  </w:style>
  <w:style w:type="paragraph" w:styleId="a4">
    <w:name w:val="footer"/>
    <w:basedOn w:val="a"/>
    <w:link w:val="Char0"/>
    <w:uiPriority w:val="99"/>
    <w:unhideWhenUsed/>
    <w:rsid w:val="00A27EBC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Char0">
    <w:name w:val="页脚 Char"/>
    <w:basedOn w:val="a0"/>
    <w:link w:val="a4"/>
    <w:uiPriority w:val="99"/>
    <w:rsid w:val="00A27EBC"/>
    <w:rPr>
      <w:sz w:val="18"/>
      <w:szCs w:val="18"/>
    </w:rPr>
  </w:style>
  <w:style w:type="paragraph" w:styleId="a5">
    <w:name w:val="List Paragraph"/>
    <w:basedOn w:val="a"/>
    <w:uiPriority w:val="34"/>
    <w:qFormat/>
    <w:rsid w:val="00A27EBC"/>
    <w:pPr>
      <w:ind w:firstLineChars="200" w:firstLine="420"/>
    </w:pPr>
  </w:style>
  <w:style w:type="character" w:styleId="a6">
    <w:name w:val="Hyperlink"/>
    <w:basedOn w:val="a0"/>
    <w:uiPriority w:val="99"/>
    <w:unhideWhenUsed/>
    <w:rsid w:val="004A7D74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yperlink" Target="https://www.oschina.net/p/insomnia?hmsr=aladdin1e1" TargetMode="External"/><Relationship Id="rId12" Type="http://schemas.openxmlformats.org/officeDocument/2006/relationships/image" Target="media/image5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4.png"/><Relationship Id="rId5" Type="http://schemas.openxmlformats.org/officeDocument/2006/relationships/footnotes" Target="footnotes.xml"/><Relationship Id="rId10" Type="http://schemas.openxmlformats.org/officeDocument/2006/relationships/image" Target="media/image3.png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4</TotalTime>
  <Pages>1</Pages>
  <Words>49</Words>
  <Characters>283</Characters>
  <Application>Microsoft Office Word</Application>
  <DocSecurity>0</DocSecurity>
  <Lines>2</Lines>
  <Paragraphs>1</Paragraphs>
  <ScaleCrop>false</ScaleCrop>
  <Company>Huawei Technologies Co.,Ltd.</Company>
  <LinksUpToDate>false</LinksUpToDate>
  <CharactersWithSpaces>33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ongxueqiang</dc:creator>
  <cp:keywords/>
  <dc:description/>
  <cp:lastModifiedBy>songxueqiang</cp:lastModifiedBy>
  <cp:revision>5</cp:revision>
  <dcterms:created xsi:type="dcterms:W3CDTF">2021-06-15T08:08:00Z</dcterms:created>
  <dcterms:modified xsi:type="dcterms:W3CDTF">2021-06-15T11:2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2)2729GHs8Z7NfXX1EWbTZ65RyzsjCLqgTke1giR8J/wlhnI3ThxrPVTTdd2i81t1QNfKQxlud
+V3xeRdrC2dB9hZT76ddWS/6fVQd0kehhuowHsJXOLArv8C9RzkEPwBfNGR5zdh+xIyXeOZJ
sdXpbvzUNyCWeY5CWr6aotIJLl83GDidQtFeEOx9GHXntETKBFVw9WJ40HBlLQPFpoW1OloF
ZYTFd3jTOknhCIcYdQ</vt:lpwstr>
  </property>
  <property fmtid="{D5CDD505-2E9C-101B-9397-08002B2CF9AE}" pid="3" name="_2015_ms_pID_7253431">
    <vt:lpwstr>A8E/FFv/kslzHTNSqeZjqJLZm+L7l0QX7ED/DWeoZRM7x7xeglQxN4
YwCfDg9va/jVivkFsy/I4hmktTcpE48TsQfuuaRBHhs+qr2MOc500IMzF0AwOd27HWEh5+wl
z7P0N5eFjFgzTICpk3JjvCUDd7paGyV2WCLsoevay6G9iqsMHC9CGIUN6duB0AjLLOcarHf0
12zhp+1vJYY9mJo2</vt:lpwstr>
  </property>
  <property fmtid="{D5CDD505-2E9C-101B-9397-08002B2CF9AE}" pid="4" name="_readonly">
    <vt:lpwstr/>
  </property>
  <property fmtid="{D5CDD505-2E9C-101B-9397-08002B2CF9AE}" pid="5" name="_change">
    <vt:lpwstr/>
  </property>
  <property fmtid="{D5CDD505-2E9C-101B-9397-08002B2CF9AE}" pid="6" name="_full-control">
    <vt:lpwstr/>
  </property>
  <property fmtid="{D5CDD505-2E9C-101B-9397-08002B2CF9AE}" pid="7" name="sflag">
    <vt:lpwstr>1623749743</vt:lpwstr>
  </property>
</Properties>
</file>